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96D00"/>
    <a:srgbClr val="316886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534" autoAdjust="0"/>
    <p:restoredTop sz="94660"/>
  </p:normalViewPr>
  <p:slideViewPr>
    <p:cSldViewPr snapToGrid="0">
      <p:cViewPr>
        <p:scale>
          <a:sx n="110" d="100"/>
          <a:sy n="110" d="100"/>
        </p:scale>
        <p:origin x="-211" y="-1181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96853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89288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11490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52920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081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424221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90864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6845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6219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55228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02108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46901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slideLayout" Target="../slideLayouts/slideLayout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97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598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0626" name="OTLSHAPE_M_ce49b461dada4b4ba8016f97c5d69120_Connector1"/>
          <p:cNvCxnSpPr/>
          <p:nvPr>
            <p:custDataLst>
              <p:tags r:id="rId4"/>
            </p:custDataLst>
          </p:nvPr>
        </p:nvCxnSpPr>
        <p:spPr>
          <a:xfrm>
            <a:off x="7768456" y="5433808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4" name="OTLSHAPE_T_a1fe2df1afb74a24b48db95b6b338bf9_RightVerticalConnector3"/>
          <p:cNvCxnSpPr>
            <a:cxnSpLocks/>
            <a:stCxn id="10782" idx="7"/>
          </p:cNvCxnSpPr>
          <p:nvPr>
            <p:custDataLst>
              <p:tags r:id="rId5"/>
            </p:custDataLst>
          </p:nvPr>
        </p:nvCxnSpPr>
        <p:spPr>
          <a:xfrm>
            <a:off x="10893144" y="3666607"/>
            <a:ext cx="0" cy="1500431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9" name="OTLSHAPE_T_834636e32cff480d8a852ae191fc6842_RightVerticalConnector2"/>
          <p:cNvCxnSpPr>
            <a:cxnSpLocks/>
            <a:stCxn id="10772" idx="7"/>
            <a:endCxn id="14" idx="0"/>
          </p:cNvCxnSpPr>
          <p:nvPr>
            <p:custDataLst>
              <p:tags r:id="rId6"/>
            </p:custDataLst>
          </p:nvPr>
        </p:nvCxnSpPr>
        <p:spPr>
          <a:xfrm flipH="1">
            <a:off x="7755581" y="2977137"/>
            <a:ext cx="13430" cy="221577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3" name="OTLSHAPE_T_2508efa28ff349da8bc6837b0c12f3f2_LeftVerticalConnector2"/>
          <p:cNvCxnSpPr>
            <a:cxnSpLocks/>
            <a:stCxn id="10764" idx="3"/>
          </p:cNvCxnSpPr>
          <p:nvPr>
            <p:custDataLst>
              <p:tags r:id="rId7"/>
            </p:custDataLst>
          </p:nvPr>
        </p:nvCxnSpPr>
        <p:spPr>
          <a:xfrm>
            <a:off x="1589242" y="2211108"/>
            <a:ext cx="0" cy="2932392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6" name="OTLSHAPE_T_834636e32cff480d8a852ae191fc6842_LeftVerticalConnector1" hidden="1"/>
          <p:cNvCxnSpPr/>
          <p:nvPr>
            <p:custDataLst>
              <p:tags r:id="rId8"/>
            </p:custDataLst>
          </p:nvPr>
        </p:nvCxnSpPr>
        <p:spPr>
          <a:xfrm>
            <a:off x="4595562" y="30861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0" name="OTLSHAPE_T_a1fe2df1afb74a24b48db95b6b338bf9_LeftVerticalConnector1" hidden="1"/>
          <p:cNvCxnSpPr/>
          <p:nvPr>
            <p:custDataLst>
              <p:tags r:id="rId9"/>
            </p:custDataLst>
          </p:nvPr>
        </p:nvCxnSpPr>
        <p:spPr>
          <a:xfrm>
            <a:off x="7408885" y="37719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1" name="OTLSHAPE_T_a1fe2df1afb74a24b48db95b6b338bf9_LeftVerticalConnector2" hidden="1"/>
          <p:cNvCxnSpPr/>
          <p:nvPr>
            <p:custDataLst>
              <p:tags r:id="rId10"/>
            </p:custDataLst>
          </p:nvPr>
        </p:nvCxnSpPr>
        <p:spPr>
          <a:xfrm>
            <a:off x="7408885" y="4254500"/>
            <a:ext cx="0" cy="889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2508efa28ff349da8bc6837b0c12f3f2_RightVerticalConnector2">
            <a:extLst>
              <a:ext uri="{FF2B5EF4-FFF2-40B4-BE49-F238E27FC236}">
                <a16:creationId xmlns:a16="http://schemas.microsoft.com/office/drawing/2014/main" id="{99089382-534B-4D95-8B2E-5354A912CE23}"/>
              </a:ext>
            </a:extLst>
          </p:cNvPr>
          <p:cNvCxnSpPr>
            <a:cxnSpLocks/>
            <a:stCxn id="10764" idx="7"/>
          </p:cNvCxnSpPr>
          <p:nvPr>
            <p:custDataLst>
              <p:tags r:id="rId11"/>
            </p:custDataLst>
          </p:nvPr>
        </p:nvCxnSpPr>
        <p:spPr>
          <a:xfrm>
            <a:off x="5520595" y="2211108"/>
            <a:ext cx="0" cy="298157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99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635" y="5161654"/>
            <a:ext cx="104394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600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844465" y="514350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01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02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844465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0603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07965" y="5177472"/>
            <a:ext cx="468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Week</a:t>
            </a:r>
          </a:p>
        </p:txBody>
      </p:sp>
      <p:sp>
        <p:nvSpPr>
          <p:cNvPr id="10604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453331" y="517747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605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2033807" y="517747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606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2790983" y="517747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</a:p>
        </p:txBody>
      </p:sp>
      <p:sp>
        <p:nvSpPr>
          <p:cNvPr id="10607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3497336" y="520012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608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4182982" y="520796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609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4863479" y="520433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0611" name="OTLSHAPE_TB_00000000000000000000000000000000_ScaleMarking1"/>
          <p:cNvSpPr txBox="1"/>
          <p:nvPr>
            <p:custDataLst>
              <p:tags r:id="rId23"/>
            </p:custDataLst>
          </p:nvPr>
        </p:nvSpPr>
        <p:spPr>
          <a:xfrm>
            <a:off x="917296" y="4957445"/>
            <a:ext cx="314189" cy="137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JAN 2023</a:t>
            </a:r>
          </a:p>
        </p:txBody>
      </p:sp>
      <p:sp>
        <p:nvSpPr>
          <p:cNvPr id="4" name="OTLSHAPE_TB_00000000000000000000000000000000_TimescaleInterval8">
            <a:extLst>
              <a:ext uri="{FF2B5EF4-FFF2-40B4-BE49-F238E27FC236}">
                <a16:creationId xmlns:a16="http://schemas.microsoft.com/office/drawing/2014/main" id="{CFC8F2C8-F214-454D-B4CF-5841690EA122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520599" y="520564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</a:p>
        </p:txBody>
      </p:sp>
      <p:sp>
        <p:nvSpPr>
          <p:cNvPr id="10788" name="OTLSHAPE_T_7b6fba2144cf463e8b9daf026c745a6d_Shape"/>
          <p:cNvSpPr/>
          <p:nvPr>
            <p:custDataLst>
              <p:tags r:id="rId25"/>
            </p:custDataLst>
          </p:nvPr>
        </p:nvSpPr>
        <p:spPr>
          <a:xfrm>
            <a:off x="9960929" y="3973557"/>
            <a:ext cx="932213" cy="338022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800" dirty="0">
                <a:solidFill>
                  <a:schemeClr val="bg1"/>
                </a:solidFill>
              </a:rPr>
              <a:t>Build and Access Models</a:t>
            </a:r>
          </a:p>
        </p:txBody>
      </p:sp>
      <p:sp>
        <p:nvSpPr>
          <p:cNvPr id="10786" name="OTLSHAPE_T_ac1ef414023b498ab438285066d789ef_Shape"/>
          <p:cNvSpPr/>
          <p:nvPr>
            <p:custDataLst>
              <p:tags r:id="rId26"/>
            </p:custDataLst>
          </p:nvPr>
        </p:nvSpPr>
        <p:spPr>
          <a:xfrm>
            <a:off x="8843330" y="3966164"/>
            <a:ext cx="1117600" cy="348213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800" dirty="0">
                <a:solidFill>
                  <a:schemeClr val="bg1"/>
                </a:solidFill>
              </a:rPr>
              <a:t>Data Splitting and Sub-Sampling</a:t>
            </a:r>
          </a:p>
        </p:txBody>
      </p:sp>
      <p:sp>
        <p:nvSpPr>
          <p:cNvPr id="10784" name="OTLSHAPE_T_b2528e25fb5f4019a02b029d7b23b862_Shape"/>
          <p:cNvSpPr/>
          <p:nvPr>
            <p:custDataLst>
              <p:tags r:id="rId27"/>
            </p:custDataLst>
          </p:nvPr>
        </p:nvSpPr>
        <p:spPr>
          <a:xfrm>
            <a:off x="7762296" y="3957090"/>
            <a:ext cx="1127897" cy="367181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2" name="OTLSHAPE_T_a1fe2df1afb74a24b48db95b6b338bf9_Shape"/>
          <p:cNvSpPr/>
          <p:nvPr>
            <p:custDataLst>
              <p:tags r:id="rId28"/>
            </p:custDataLst>
          </p:nvPr>
        </p:nvSpPr>
        <p:spPr>
          <a:xfrm>
            <a:off x="7783664" y="3454330"/>
            <a:ext cx="3109480" cy="42455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/>
              <a:t>Model Building</a:t>
            </a:r>
          </a:p>
        </p:txBody>
      </p:sp>
      <p:sp>
        <p:nvSpPr>
          <p:cNvPr id="10778" name="OTLSHAPE_T_2fdad40dfd14467b93d0a759296f251a_Shape"/>
          <p:cNvSpPr/>
          <p:nvPr>
            <p:custDataLst>
              <p:tags r:id="rId29"/>
            </p:custDataLst>
          </p:nvPr>
        </p:nvSpPr>
        <p:spPr>
          <a:xfrm>
            <a:off x="6485216" y="3280241"/>
            <a:ext cx="1277080" cy="30809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6" name="OTLSHAPE_T_61bd4421f159413dba7281a5185e38b8_Shape"/>
          <p:cNvSpPr/>
          <p:nvPr>
            <p:custDataLst>
              <p:tags r:id="rId30"/>
            </p:custDataLst>
          </p:nvPr>
        </p:nvSpPr>
        <p:spPr>
          <a:xfrm>
            <a:off x="5557931" y="3273693"/>
            <a:ext cx="939800" cy="314638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2" name="OTLSHAPE_T_834636e32cff480d8a852ae191fc6842_Shape"/>
          <p:cNvSpPr/>
          <p:nvPr>
            <p:custDataLst>
              <p:tags r:id="rId31"/>
            </p:custDataLst>
          </p:nvPr>
        </p:nvSpPr>
        <p:spPr>
          <a:xfrm>
            <a:off x="5518043" y="2717502"/>
            <a:ext cx="2250968" cy="51926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Descriptive Statistics &amp; Analytics</a:t>
            </a:r>
          </a:p>
        </p:txBody>
      </p:sp>
      <p:sp>
        <p:nvSpPr>
          <p:cNvPr id="10770" name="OTLSHAPE_T_8545a2622707410ea6bf0bb2412e4891_Shape"/>
          <p:cNvSpPr/>
          <p:nvPr>
            <p:custDataLst>
              <p:tags r:id="rId32"/>
            </p:custDataLst>
          </p:nvPr>
        </p:nvSpPr>
        <p:spPr>
          <a:xfrm>
            <a:off x="3451181" y="2475222"/>
            <a:ext cx="939800" cy="282745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8" name="OTLSHAPE_T_8574f27a0c634b08b97c20e1eb8b1a11_Shape"/>
          <p:cNvSpPr/>
          <p:nvPr>
            <p:custDataLst>
              <p:tags r:id="rId33"/>
            </p:custDataLst>
          </p:nvPr>
        </p:nvSpPr>
        <p:spPr>
          <a:xfrm>
            <a:off x="2531549" y="2477707"/>
            <a:ext cx="939800" cy="279400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6" name="OTLSHAPE_T_9116278e5c2946a085db5776da322f3f_Shape"/>
          <p:cNvSpPr/>
          <p:nvPr>
            <p:custDataLst>
              <p:tags r:id="rId34"/>
            </p:custDataLst>
          </p:nvPr>
        </p:nvSpPr>
        <p:spPr>
          <a:xfrm>
            <a:off x="1589242" y="2481783"/>
            <a:ext cx="939800" cy="291141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4" name="OTLSHAPE_T_2508efa28ff349da8bc6837b0c12f3f2_Shape"/>
          <p:cNvSpPr/>
          <p:nvPr>
            <p:custDataLst>
              <p:tags r:id="rId35"/>
            </p:custDataLst>
          </p:nvPr>
        </p:nvSpPr>
        <p:spPr>
          <a:xfrm>
            <a:off x="1589242" y="2009869"/>
            <a:ext cx="3931353" cy="402477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/>
              <a:t>Data Gathering and Transformation</a:t>
            </a:r>
          </a:p>
        </p:txBody>
      </p:sp>
      <p:sp>
        <p:nvSpPr>
          <p:cNvPr id="10793" name="OTLSHAPE_T_dc59864a8fe6461f93f8543967c3a710_ShapePercentage" hidden="1"/>
          <p:cNvSpPr/>
          <p:nvPr>
            <p:custDataLst>
              <p:tags r:id="rId36"/>
            </p:custDataLst>
          </p:nvPr>
        </p:nvSpPr>
        <p:spPr>
          <a:xfrm>
            <a:off x="9967978" y="473710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91" name="OTLSHAPE_T_8d75aaf91f11405d8720698af5304071_ShapePercentage" hidden="1"/>
          <p:cNvSpPr/>
          <p:nvPr>
            <p:custDataLst>
              <p:tags r:id="rId37"/>
            </p:custDataLst>
          </p:nvPr>
        </p:nvSpPr>
        <p:spPr>
          <a:xfrm>
            <a:off x="8850813" y="43307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89" name="OTLSHAPE_T_7b6fba2144cf463e8b9daf026c745a6d_ShapePercentage" hidden="1"/>
          <p:cNvSpPr/>
          <p:nvPr>
            <p:custDataLst>
              <p:tags r:id="rId38"/>
            </p:custDataLst>
          </p:nvPr>
        </p:nvSpPr>
        <p:spPr>
          <a:xfrm>
            <a:off x="9409395" y="40005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7" name="OTLSHAPE_T_ac1ef414023b498ab438285066d789ef_ShapePercentage" hidden="1"/>
          <p:cNvSpPr/>
          <p:nvPr>
            <p:custDataLst>
              <p:tags r:id="rId39"/>
            </p:custDataLst>
          </p:nvPr>
        </p:nvSpPr>
        <p:spPr>
          <a:xfrm>
            <a:off x="8292231" y="40005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5" name="OTLSHAPE_T_b2528e25fb5f4019a02b029d7b23b862_ShapePercentage" hidden="1"/>
          <p:cNvSpPr/>
          <p:nvPr>
            <p:custDataLst>
              <p:tags r:id="rId40"/>
            </p:custDataLst>
          </p:nvPr>
        </p:nvSpPr>
        <p:spPr>
          <a:xfrm>
            <a:off x="7175066" y="40005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3" name="OTLSHAPE_T_a1fe2df1afb74a24b48db95b6b338bf9_ShapePercentage" hidden="1"/>
          <p:cNvSpPr/>
          <p:nvPr>
            <p:custDataLst>
              <p:tags r:id="rId41"/>
            </p:custDataLst>
          </p:nvPr>
        </p:nvSpPr>
        <p:spPr>
          <a:xfrm>
            <a:off x="7175066" y="35941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81" name="OTLSHAPE_T_ac77bc1b615446839e0eba63c8d16a71_ShapePercentage" hidden="1"/>
          <p:cNvSpPr/>
          <p:nvPr>
            <p:custDataLst>
              <p:tags r:id="rId42"/>
            </p:custDataLst>
          </p:nvPr>
        </p:nvSpPr>
        <p:spPr>
          <a:xfrm>
            <a:off x="6988872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9" name="OTLSHAPE_T_2fdad40dfd14467b93d0a759296f251a_ShapePercentage" hidden="1"/>
          <p:cNvSpPr/>
          <p:nvPr>
            <p:custDataLst>
              <p:tags r:id="rId43"/>
            </p:custDataLst>
          </p:nvPr>
        </p:nvSpPr>
        <p:spPr>
          <a:xfrm>
            <a:off x="5685513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7" name="OTLSHAPE_T_61bd4421f159413dba7281a5185e38b8_ShapePercentage" hidden="1"/>
          <p:cNvSpPr/>
          <p:nvPr>
            <p:custDataLst>
              <p:tags r:id="rId44"/>
            </p:custDataLst>
          </p:nvPr>
        </p:nvSpPr>
        <p:spPr>
          <a:xfrm>
            <a:off x="4754542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5" name="OTLSHAPE_T_f4fcd5cd4d1e4f139515633c6945b409_ShapePercentage" hidden="1"/>
          <p:cNvSpPr/>
          <p:nvPr>
            <p:custDataLst>
              <p:tags r:id="rId45"/>
            </p:custDataLst>
          </p:nvPr>
        </p:nvSpPr>
        <p:spPr>
          <a:xfrm>
            <a:off x="4382154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3" name="OTLSHAPE_T_834636e32cff480d8a852ae191fc6842_ShapePercentage" hidden="1"/>
          <p:cNvSpPr/>
          <p:nvPr>
            <p:custDataLst>
              <p:tags r:id="rId46"/>
            </p:custDataLst>
          </p:nvPr>
        </p:nvSpPr>
        <p:spPr>
          <a:xfrm>
            <a:off x="4382154" y="28575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71" name="OTLSHAPE_T_8545a2622707410ea6bf0bb2412e4891_ShapePercentage" hidden="1"/>
          <p:cNvSpPr/>
          <p:nvPr>
            <p:custDataLst>
              <p:tags r:id="rId47"/>
            </p:custDataLst>
          </p:nvPr>
        </p:nvSpPr>
        <p:spPr>
          <a:xfrm>
            <a:off x="3451183" y="2527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9" name="OTLSHAPE_T_8574f27a0c634b08b97c20e1eb8b1a11_ShapePercentage" hidden="1"/>
          <p:cNvSpPr/>
          <p:nvPr>
            <p:custDataLst>
              <p:tags r:id="rId48"/>
            </p:custDataLst>
          </p:nvPr>
        </p:nvSpPr>
        <p:spPr>
          <a:xfrm>
            <a:off x="2520212" y="2527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7" name="OTLSHAPE_T_9116278e5c2946a085db5776da322f3f_ShapePercentage" hidden="1"/>
          <p:cNvSpPr/>
          <p:nvPr>
            <p:custDataLst>
              <p:tags r:id="rId49"/>
            </p:custDataLst>
          </p:nvPr>
        </p:nvSpPr>
        <p:spPr>
          <a:xfrm>
            <a:off x="1589242" y="2527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5" name="OTLSHAPE_T_2508efa28ff349da8bc6837b0c12f3f2_ShapePercentage" hidden="1"/>
          <p:cNvSpPr/>
          <p:nvPr>
            <p:custDataLst>
              <p:tags r:id="rId50"/>
            </p:custDataLst>
          </p:nvPr>
        </p:nvSpPr>
        <p:spPr>
          <a:xfrm>
            <a:off x="1589242" y="21209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46" name="OTLSHAPE_T_2508efa28ff349da8bc6837b0c12f3f2_Duration" hidden="1"/>
          <p:cNvSpPr txBox="1"/>
          <p:nvPr>
            <p:custDataLst>
              <p:tags r:id="rId51"/>
            </p:custDataLst>
          </p:nvPr>
        </p:nvSpPr>
        <p:spPr>
          <a:xfrm>
            <a:off x="0" y="2120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647" name="OTLSHAPE_T_2508efa28ff349da8bc6837b0c12f3f2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227592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648" name="OTLSHAPE_T_2508efa28ff349da8bc6837b0c12f3f2_StartDate" hidden="1"/>
          <p:cNvSpPr txBox="1"/>
          <p:nvPr>
            <p:custDataLst>
              <p:tags r:id="rId53"/>
            </p:custDataLst>
          </p:nvPr>
        </p:nvSpPr>
        <p:spPr>
          <a:xfrm>
            <a:off x="0" y="24309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649" name="OTLSHAPE_T_2508efa28ff349da8bc6837b0c12f3f2_EndDate" hidden="1"/>
          <p:cNvSpPr txBox="1"/>
          <p:nvPr>
            <p:custDataLst>
              <p:tags r:id="rId54"/>
            </p:custDataLst>
          </p:nvPr>
        </p:nvSpPr>
        <p:spPr>
          <a:xfrm>
            <a:off x="0" y="24309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650" name="OTLSHAPE_T_2508efa28ff349da8bc6837b0c12f3f2_Title"/>
          <p:cNvSpPr txBox="1"/>
          <p:nvPr>
            <p:custDataLst>
              <p:tags r:id="rId55"/>
            </p:custDataLst>
          </p:nvPr>
        </p:nvSpPr>
        <p:spPr>
          <a:xfrm>
            <a:off x="2836125" y="1879884"/>
            <a:ext cx="10633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Jan 17 – Feb  28</a:t>
            </a:r>
          </a:p>
        </p:txBody>
      </p:sp>
      <p:sp>
        <p:nvSpPr>
          <p:cNvPr id="10654" name="OTLSHAPE_T_9116278e5c2946a085db5776da322f3f_Duration" hidden="1"/>
          <p:cNvSpPr txBox="1"/>
          <p:nvPr>
            <p:custDataLst>
              <p:tags r:id="rId56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655" name="OTLSHAPE_T_9116278e5c2946a085db5776da322f3f_JoinedDate" hidden="1"/>
          <p:cNvSpPr txBox="1"/>
          <p:nvPr>
            <p:custDataLst>
              <p:tags r:id="rId57"/>
            </p:custDataLst>
          </p:nvPr>
        </p:nvSpPr>
        <p:spPr>
          <a:xfrm>
            <a:off x="0" y="26823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0656" name="OTLSHAPE_T_9116278e5c2946a085db5776da322f3f_StartDate" hidden="1"/>
          <p:cNvSpPr txBox="1"/>
          <p:nvPr>
            <p:custDataLst>
              <p:tags r:id="rId58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7" name="OTLSHAPE_T_9116278e5c2946a085db5776da322f3f_EndDate" hidden="1"/>
          <p:cNvSpPr txBox="1"/>
          <p:nvPr>
            <p:custDataLst>
              <p:tags r:id="rId59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8" name="OTLSHAPE_T_9116278e5c2946a085db5776da322f3f_Title"/>
          <p:cNvSpPr txBox="1"/>
          <p:nvPr>
            <p:custDataLst>
              <p:tags r:id="rId60"/>
            </p:custDataLst>
          </p:nvPr>
        </p:nvSpPr>
        <p:spPr>
          <a:xfrm>
            <a:off x="1751051" y="2548403"/>
            <a:ext cx="69854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lt1"/>
                </a:solidFill>
                <a:latin typeface="Calibri" panose="020F0502020204030204" pitchFamily="34" charset="0"/>
              </a:rPr>
              <a:t>Scrapping</a:t>
            </a:r>
          </a:p>
        </p:txBody>
      </p:sp>
      <p:sp>
        <p:nvSpPr>
          <p:cNvPr id="10659" name="OTLSHAPE_T_9116278e5c2946a085db5776da322f3f_TextPercentage" hidden="1"/>
          <p:cNvSpPr txBox="1"/>
          <p:nvPr>
            <p:custDataLst>
              <p:tags r:id="rId61"/>
            </p:custDataLst>
          </p:nvPr>
        </p:nvSpPr>
        <p:spPr>
          <a:xfrm>
            <a:off x="1782240" y="2714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62" name="OTLSHAPE_T_8574f27a0c634b08b97c20e1eb8b1a11_Duration" hidden="1"/>
          <p:cNvSpPr txBox="1"/>
          <p:nvPr>
            <p:custDataLst>
              <p:tags r:id="rId62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663" name="OTLSHAPE_T_8574f27a0c634b08b97c20e1eb8b1a11_JoinedDate" hidden="1"/>
          <p:cNvSpPr txBox="1"/>
          <p:nvPr>
            <p:custDataLst>
              <p:tags r:id="rId63"/>
            </p:custDataLst>
          </p:nvPr>
        </p:nvSpPr>
        <p:spPr>
          <a:xfrm>
            <a:off x="0" y="26823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0664" name="OTLSHAPE_T_8574f27a0c634b08b97c20e1eb8b1a11_StartDate" hidden="1"/>
          <p:cNvSpPr txBox="1"/>
          <p:nvPr>
            <p:custDataLst>
              <p:tags r:id="rId64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65" name="OTLSHAPE_T_8574f27a0c634b08b97c20e1eb8b1a11_EndDate" hidden="1"/>
          <p:cNvSpPr txBox="1"/>
          <p:nvPr>
            <p:custDataLst>
              <p:tags r:id="rId65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66" name="OTLSHAPE_T_8574f27a0c634b08b97c20e1eb8b1a11_Title"/>
          <p:cNvSpPr txBox="1"/>
          <p:nvPr>
            <p:custDataLst>
              <p:tags r:id="rId66"/>
            </p:custDataLst>
          </p:nvPr>
        </p:nvSpPr>
        <p:spPr>
          <a:xfrm>
            <a:off x="2554363" y="2548403"/>
            <a:ext cx="88032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lt1"/>
                </a:solidFill>
                <a:latin typeface="Calibri" panose="020F0502020204030204" pitchFamily="34" charset="0"/>
              </a:rPr>
              <a:t>Data Cleaning</a:t>
            </a:r>
          </a:p>
        </p:txBody>
      </p:sp>
      <p:sp>
        <p:nvSpPr>
          <p:cNvPr id="10667" name="OTLSHAPE_T_8574f27a0c634b08b97c20e1eb8b1a11_TextPercentage" hidden="1"/>
          <p:cNvSpPr txBox="1"/>
          <p:nvPr>
            <p:custDataLst>
              <p:tags r:id="rId67"/>
            </p:custDataLst>
          </p:nvPr>
        </p:nvSpPr>
        <p:spPr>
          <a:xfrm>
            <a:off x="2720014" y="2714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70" name="OTLSHAPE_T_8545a2622707410ea6bf0bb2412e4891_Duration" hidden="1"/>
          <p:cNvSpPr txBox="1"/>
          <p:nvPr>
            <p:custDataLst>
              <p:tags r:id="rId68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671" name="OTLSHAPE_T_8545a2622707410ea6bf0bb2412e4891_JoinedDate" hidden="1"/>
          <p:cNvSpPr txBox="1"/>
          <p:nvPr>
            <p:custDataLst>
              <p:tags r:id="rId69"/>
            </p:custDataLst>
          </p:nvPr>
        </p:nvSpPr>
        <p:spPr>
          <a:xfrm>
            <a:off x="0" y="26823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0672" name="OTLSHAPE_T_8545a2622707410ea6bf0bb2412e4891_StartDate" hidden="1"/>
          <p:cNvSpPr txBox="1"/>
          <p:nvPr>
            <p:custDataLst>
              <p:tags r:id="rId70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3" name="OTLSHAPE_T_8545a2622707410ea6bf0bb2412e4891_EndDate" hidden="1"/>
          <p:cNvSpPr txBox="1"/>
          <p:nvPr>
            <p:custDataLst>
              <p:tags r:id="rId71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4" name="OTLSHAPE_T_8545a2622707410ea6bf0bb2412e4891_Title"/>
          <p:cNvSpPr txBox="1"/>
          <p:nvPr>
            <p:custDataLst>
              <p:tags r:id="rId72"/>
            </p:custDataLst>
          </p:nvPr>
        </p:nvSpPr>
        <p:spPr>
          <a:xfrm>
            <a:off x="3460011" y="2537489"/>
            <a:ext cx="987802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lt1"/>
                </a:solidFill>
                <a:latin typeface="Calibri" panose="020F0502020204030204" pitchFamily="34" charset="0"/>
              </a:rPr>
              <a:t>Transformation</a:t>
            </a:r>
          </a:p>
        </p:txBody>
      </p:sp>
      <p:sp>
        <p:nvSpPr>
          <p:cNvPr id="10675" name="OTLSHAPE_T_8545a2622707410ea6bf0bb2412e4891_TextPercentage" hidden="1"/>
          <p:cNvSpPr txBox="1"/>
          <p:nvPr>
            <p:custDataLst>
              <p:tags r:id="rId73"/>
            </p:custDataLst>
          </p:nvPr>
        </p:nvSpPr>
        <p:spPr>
          <a:xfrm>
            <a:off x="3657788" y="2714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78" name="OTLSHAPE_T_834636e32cff480d8a852ae191fc6842_Duration" hidden="1"/>
          <p:cNvSpPr txBox="1"/>
          <p:nvPr>
            <p:custDataLst>
              <p:tags r:id="rId74"/>
            </p:custDataLst>
          </p:nvPr>
        </p:nvSpPr>
        <p:spPr>
          <a:xfrm>
            <a:off x="0" y="2857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679" name="OTLSHAPE_T_834636e32cff480d8a852ae191fc6842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30125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0680" name="OTLSHAPE_T_834636e32cff480d8a852ae191fc6842_StartDate" hidden="1"/>
          <p:cNvSpPr txBox="1"/>
          <p:nvPr>
            <p:custDataLst>
              <p:tags r:id="rId76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81" name="OTLSHAPE_T_834636e32cff480d8a852ae191fc6842_EndDate" hidden="1"/>
          <p:cNvSpPr txBox="1"/>
          <p:nvPr>
            <p:custDataLst>
              <p:tags r:id="rId77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82" name="OTLSHAPE_T_834636e32cff480d8a852ae191fc6842_Title"/>
          <p:cNvSpPr txBox="1"/>
          <p:nvPr>
            <p:custDataLst>
              <p:tags r:id="rId78"/>
            </p:custDataLst>
          </p:nvPr>
        </p:nvSpPr>
        <p:spPr>
          <a:xfrm>
            <a:off x="5690030" y="2598715"/>
            <a:ext cx="135074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r 1 – Mar 26</a:t>
            </a:r>
          </a:p>
        </p:txBody>
      </p:sp>
      <p:sp>
        <p:nvSpPr>
          <p:cNvPr id="10686" name="OTLSHAPE_T_f4fcd5cd4d1e4f139515633c6945b409_Duration" hidden="1"/>
          <p:cNvSpPr txBox="1"/>
          <p:nvPr>
            <p:custDataLst>
              <p:tags r:id="rId79"/>
            </p:custDataLst>
          </p:nvPr>
        </p:nvSpPr>
        <p:spPr>
          <a:xfrm>
            <a:off x="0" y="32639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687" name="OTLSHAPE_T_f4fcd5cd4d1e4f139515633c6945b409_JoinedDate" hidden="1"/>
          <p:cNvSpPr txBox="1"/>
          <p:nvPr>
            <p:custDataLst>
              <p:tags r:id="rId80"/>
            </p:custDataLst>
          </p:nvPr>
        </p:nvSpPr>
        <p:spPr>
          <a:xfrm>
            <a:off x="0" y="34189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0688" name="OTLSHAPE_T_f4fcd5cd4d1e4f139515633c6945b409_StartDate" hidden="1"/>
          <p:cNvSpPr txBox="1"/>
          <p:nvPr>
            <p:custDataLst>
              <p:tags r:id="rId81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89" name="OTLSHAPE_T_f4fcd5cd4d1e4f139515633c6945b409_EndDate" hidden="1"/>
          <p:cNvSpPr txBox="1"/>
          <p:nvPr>
            <p:custDataLst>
              <p:tags r:id="rId82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90" name="OTLSHAPE_T_f4fcd5cd4d1e4f139515633c6945b409_Title"/>
          <p:cNvSpPr txBox="1"/>
          <p:nvPr>
            <p:custDataLst>
              <p:tags r:id="rId83"/>
            </p:custDataLst>
          </p:nvPr>
        </p:nvSpPr>
        <p:spPr>
          <a:xfrm>
            <a:off x="1600438" y="297566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Satish</a:t>
            </a:r>
          </a:p>
        </p:txBody>
      </p:sp>
      <p:sp>
        <p:nvSpPr>
          <p:cNvPr id="10691" name="OTLSHAPE_T_f4fcd5cd4d1e4f139515633c6945b409_TextPercentage" hidden="1"/>
          <p:cNvSpPr txBox="1"/>
          <p:nvPr>
            <p:custDataLst>
              <p:tags r:id="rId84"/>
            </p:custDataLst>
          </p:nvPr>
        </p:nvSpPr>
        <p:spPr>
          <a:xfrm>
            <a:off x="4595562" y="3365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94" name="OTLSHAPE_T_61bd4421f159413dba7281a5185e38b8_Duration" hidden="1"/>
          <p:cNvSpPr txBox="1"/>
          <p:nvPr>
            <p:custDataLst>
              <p:tags r:id="rId85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695" name="OTLSHAPE_T_61bd4421f159413dba7281a5185e38b8_JoinedDate" hidden="1"/>
          <p:cNvSpPr txBox="1"/>
          <p:nvPr>
            <p:custDataLst>
              <p:tags r:id="rId86"/>
            </p:custDataLst>
          </p:nvPr>
        </p:nvSpPr>
        <p:spPr>
          <a:xfrm>
            <a:off x="0" y="34189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0696" name="OTLSHAPE_T_61bd4421f159413dba7281a5185e38b8_StartDate" hidden="1"/>
          <p:cNvSpPr txBox="1"/>
          <p:nvPr>
            <p:custDataLst>
              <p:tags r:id="rId87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97" name="OTLSHAPE_T_61bd4421f159413dba7281a5185e38b8_EndDate" hidden="1"/>
          <p:cNvSpPr txBox="1"/>
          <p:nvPr>
            <p:custDataLst>
              <p:tags r:id="rId88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98" name="OTLSHAPE_T_61bd4421f159413dba7281a5185e38b8_Title"/>
          <p:cNvSpPr txBox="1"/>
          <p:nvPr>
            <p:custDataLst>
              <p:tags r:id="rId89"/>
            </p:custDataLst>
          </p:nvPr>
        </p:nvSpPr>
        <p:spPr>
          <a:xfrm>
            <a:off x="5732868" y="3311331"/>
            <a:ext cx="5969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lt1"/>
                </a:solidFill>
                <a:latin typeface="Calibri" panose="020F0502020204030204" pitchFamily="34" charset="0"/>
              </a:rPr>
              <a:t>Table of Statistics</a:t>
            </a:r>
          </a:p>
        </p:txBody>
      </p:sp>
      <p:sp>
        <p:nvSpPr>
          <p:cNvPr id="10699" name="OTLSHAPE_T_61bd4421f159413dba7281a5185e38b8_TextPercentage" hidden="1"/>
          <p:cNvSpPr txBox="1"/>
          <p:nvPr>
            <p:custDataLst>
              <p:tags r:id="rId90"/>
            </p:custDataLst>
          </p:nvPr>
        </p:nvSpPr>
        <p:spPr>
          <a:xfrm>
            <a:off x="4970672" y="3450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02" name="OTLSHAPE_T_2fdad40dfd14467b93d0a759296f251a_Duration" hidden="1"/>
          <p:cNvSpPr txBox="1"/>
          <p:nvPr>
            <p:custDataLst>
              <p:tags r:id="rId91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03" name="OTLSHAPE_T_2fdad40dfd14467b93d0a759296f251a_JoinedDate" hidden="1"/>
          <p:cNvSpPr txBox="1"/>
          <p:nvPr>
            <p:custDataLst>
              <p:tags r:id="rId92"/>
            </p:custDataLst>
          </p:nvPr>
        </p:nvSpPr>
        <p:spPr>
          <a:xfrm>
            <a:off x="0" y="34189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0704" name="OTLSHAPE_T_2fdad40dfd14467b93d0a759296f251a_StartDate" hidden="1"/>
          <p:cNvSpPr txBox="1"/>
          <p:nvPr>
            <p:custDataLst>
              <p:tags r:id="rId93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5" name="OTLSHAPE_T_2fdad40dfd14467b93d0a759296f251a_EndDate" hidden="1"/>
          <p:cNvSpPr txBox="1"/>
          <p:nvPr>
            <p:custDataLst>
              <p:tags r:id="rId94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7" name="OTLSHAPE_T_2fdad40dfd14467b93d0a759296f251a_TextPercentage" hidden="1"/>
          <p:cNvSpPr txBox="1"/>
          <p:nvPr>
            <p:custDataLst>
              <p:tags r:id="rId95"/>
            </p:custDataLst>
          </p:nvPr>
        </p:nvSpPr>
        <p:spPr>
          <a:xfrm>
            <a:off x="5908446" y="3450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10" name="OTLSHAPE_T_ac77bc1b615446839e0eba63c8d16a71_Duration" hidden="1"/>
          <p:cNvSpPr txBox="1"/>
          <p:nvPr>
            <p:custDataLst>
              <p:tags r:id="rId96"/>
            </p:custDataLst>
          </p:nvPr>
        </p:nvSpPr>
        <p:spPr>
          <a:xfrm>
            <a:off x="0" y="32639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711" name="OTLSHAPE_T_ac77bc1b615446839e0eba63c8d16a71_JoinedDate" hidden="1"/>
          <p:cNvSpPr txBox="1"/>
          <p:nvPr>
            <p:custDataLst>
              <p:tags r:id="rId97"/>
            </p:custDataLst>
          </p:nvPr>
        </p:nvSpPr>
        <p:spPr>
          <a:xfrm>
            <a:off x="0" y="3418925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0712" name="OTLSHAPE_T_ac77bc1b615446839e0eba63c8d16a71_StartDate" hidden="1"/>
          <p:cNvSpPr txBox="1"/>
          <p:nvPr>
            <p:custDataLst>
              <p:tags r:id="rId98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3" name="OTLSHAPE_T_ac77bc1b615446839e0eba63c8d16a71_EndDate" hidden="1"/>
          <p:cNvSpPr txBox="1"/>
          <p:nvPr>
            <p:custDataLst>
              <p:tags r:id="rId99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5" name="OTLSHAPE_T_ac77bc1b615446839e0eba63c8d16a71_TextPercentage" hidden="1"/>
          <p:cNvSpPr txBox="1"/>
          <p:nvPr>
            <p:custDataLst>
              <p:tags r:id="rId100"/>
            </p:custDataLst>
          </p:nvPr>
        </p:nvSpPr>
        <p:spPr>
          <a:xfrm>
            <a:off x="7221331" y="3365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18" name="OTLSHAPE_T_a1fe2df1afb74a24b48db95b6b338bf9_Duration" hidden="1"/>
          <p:cNvSpPr txBox="1"/>
          <p:nvPr>
            <p:custDataLst>
              <p:tags r:id="rId101"/>
            </p:custDataLst>
          </p:nvPr>
        </p:nvSpPr>
        <p:spPr>
          <a:xfrm>
            <a:off x="0" y="35941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0719" name="OTLSHAPE_T_a1fe2df1afb74a24b48db95b6b338bf9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7491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0720" name="OTLSHAPE_T_a1fe2df1afb74a24b48db95b6b338bf9_StartDate" hidden="1"/>
          <p:cNvSpPr txBox="1"/>
          <p:nvPr>
            <p:custDataLst>
              <p:tags r:id="rId103"/>
            </p:custDataLst>
          </p:nvPr>
        </p:nvSpPr>
        <p:spPr>
          <a:xfrm>
            <a:off x="0" y="3904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721" name="OTLSHAPE_T_a1fe2df1afb74a24b48db95b6b338bf9_EndDate" hidden="1"/>
          <p:cNvSpPr txBox="1"/>
          <p:nvPr>
            <p:custDataLst>
              <p:tags r:id="rId104"/>
            </p:custDataLst>
          </p:nvPr>
        </p:nvSpPr>
        <p:spPr>
          <a:xfrm>
            <a:off x="0" y="3904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726" name="OTLSHAPE_T_b2528e25fb5f4019a02b029d7b23b862_Duration" hidden="1"/>
          <p:cNvSpPr txBox="1"/>
          <p:nvPr>
            <p:custDataLst>
              <p:tags r:id="rId105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727" name="OTLSHAPE_T_b2528e25fb5f4019a02b029d7b23b862_JoinedDate" hidden="1"/>
          <p:cNvSpPr txBox="1"/>
          <p:nvPr>
            <p:custDataLst>
              <p:tags r:id="rId106"/>
            </p:custDataLst>
          </p:nvPr>
        </p:nvSpPr>
        <p:spPr>
          <a:xfrm>
            <a:off x="0" y="4155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0728" name="OTLSHAPE_T_b2528e25fb5f4019a02b029d7b23b862_StartDate" hidden="1"/>
          <p:cNvSpPr txBox="1"/>
          <p:nvPr>
            <p:custDataLst>
              <p:tags r:id="rId107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29" name="OTLSHAPE_T_b2528e25fb5f4019a02b029d7b23b862_EndDate" hidden="1"/>
          <p:cNvSpPr txBox="1"/>
          <p:nvPr>
            <p:custDataLst>
              <p:tags r:id="rId108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30" name="OTLSHAPE_T_b2528e25fb5f4019a02b029d7b23b862_Title"/>
          <p:cNvSpPr txBox="1"/>
          <p:nvPr>
            <p:custDataLst>
              <p:tags r:id="rId109"/>
            </p:custDataLst>
          </p:nvPr>
        </p:nvSpPr>
        <p:spPr>
          <a:xfrm>
            <a:off x="7990883" y="3945045"/>
            <a:ext cx="596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chemeClr val="lt1"/>
                </a:solidFill>
                <a:latin typeface="Calibri" panose="020F0502020204030204" pitchFamily="34" charset="0"/>
              </a:rPr>
              <a:t>Text Mining and Sentiment Analysis</a:t>
            </a:r>
          </a:p>
        </p:txBody>
      </p:sp>
      <p:sp>
        <p:nvSpPr>
          <p:cNvPr id="10731" name="OTLSHAPE_T_b2528e25fb5f4019a02b029d7b23b862_TextPercentage" hidden="1"/>
          <p:cNvSpPr txBox="1"/>
          <p:nvPr>
            <p:custDataLst>
              <p:tags r:id="rId110"/>
            </p:custDataLst>
          </p:nvPr>
        </p:nvSpPr>
        <p:spPr>
          <a:xfrm>
            <a:off x="7408885" y="41873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34" name="OTLSHAPE_T_ac1ef414023b498ab438285066d789ef_Duration" hidden="1"/>
          <p:cNvSpPr txBox="1"/>
          <p:nvPr>
            <p:custDataLst>
              <p:tags r:id="rId111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735" name="OTLSHAPE_T_ac1ef414023b498ab438285066d789ef_JoinedDate" hidden="1"/>
          <p:cNvSpPr txBox="1"/>
          <p:nvPr>
            <p:custDataLst>
              <p:tags r:id="rId112"/>
            </p:custDataLst>
          </p:nvPr>
        </p:nvSpPr>
        <p:spPr>
          <a:xfrm>
            <a:off x="0" y="4155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0736" name="OTLSHAPE_T_ac1ef414023b498ab438285066d789ef_StartDate" hidden="1"/>
          <p:cNvSpPr txBox="1"/>
          <p:nvPr>
            <p:custDataLst>
              <p:tags r:id="rId113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37" name="OTLSHAPE_T_ac1ef414023b498ab438285066d789ef_EndDate" hidden="1"/>
          <p:cNvSpPr txBox="1"/>
          <p:nvPr>
            <p:custDataLst>
              <p:tags r:id="rId114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39" name="OTLSHAPE_T_ac1ef414023b498ab438285066d789ef_TextPercentage" hidden="1"/>
          <p:cNvSpPr txBox="1"/>
          <p:nvPr>
            <p:custDataLst>
              <p:tags r:id="rId115"/>
            </p:custDataLst>
          </p:nvPr>
        </p:nvSpPr>
        <p:spPr>
          <a:xfrm>
            <a:off x="8534214" y="41873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42" name="OTLSHAPE_T_7b6fba2144cf463e8b9daf026c745a6d_Duration" hidden="1"/>
          <p:cNvSpPr txBox="1"/>
          <p:nvPr>
            <p:custDataLst>
              <p:tags r:id="rId116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743" name="OTLSHAPE_T_7b6fba2144cf463e8b9daf026c745a6d_JoinedDate" hidden="1"/>
          <p:cNvSpPr txBox="1"/>
          <p:nvPr>
            <p:custDataLst>
              <p:tags r:id="rId117"/>
            </p:custDataLst>
          </p:nvPr>
        </p:nvSpPr>
        <p:spPr>
          <a:xfrm>
            <a:off x="0" y="41555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0744" name="OTLSHAPE_T_7b6fba2144cf463e8b9daf026c745a6d_StartDate" hidden="1"/>
          <p:cNvSpPr txBox="1"/>
          <p:nvPr>
            <p:custDataLst>
              <p:tags r:id="rId118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45" name="OTLSHAPE_T_7b6fba2144cf463e8b9daf026c745a6d_EndDate" hidden="1"/>
          <p:cNvSpPr txBox="1"/>
          <p:nvPr>
            <p:custDataLst>
              <p:tags r:id="rId119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47" name="OTLSHAPE_T_7b6fba2144cf463e8b9daf026c745a6d_TextPercentage" hidden="1"/>
          <p:cNvSpPr txBox="1"/>
          <p:nvPr>
            <p:custDataLst>
              <p:tags r:id="rId120"/>
            </p:custDataLst>
          </p:nvPr>
        </p:nvSpPr>
        <p:spPr>
          <a:xfrm>
            <a:off x="9659543" y="4102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50" name="OTLSHAPE_T_8d75aaf91f11405d8720698af5304071_Duration" hidden="1"/>
          <p:cNvSpPr txBox="1"/>
          <p:nvPr>
            <p:custDataLst>
              <p:tags r:id="rId121"/>
            </p:custDataLst>
          </p:nvPr>
        </p:nvSpPr>
        <p:spPr>
          <a:xfrm>
            <a:off x="0" y="43307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51" name="OTLSHAPE_T_8d75aaf91f11405d8720698af5304071_TextPercentage" hidden="1"/>
          <p:cNvSpPr txBox="1"/>
          <p:nvPr>
            <p:custDataLst>
              <p:tags r:id="rId122"/>
            </p:custDataLst>
          </p:nvPr>
        </p:nvSpPr>
        <p:spPr>
          <a:xfrm>
            <a:off x="0" y="4485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52" name="OTLSHAPE_T_8d75aaf91f11405d8720698af5304071_StartDate" hidden="1"/>
          <p:cNvSpPr txBox="1"/>
          <p:nvPr>
            <p:custDataLst>
              <p:tags r:id="rId123"/>
            </p:custDataLst>
          </p:nvPr>
        </p:nvSpPr>
        <p:spPr>
          <a:xfrm>
            <a:off x="0" y="4485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53" name="OTLSHAPE_T_8d75aaf91f11405d8720698af5304071_EndDate" hidden="1"/>
          <p:cNvSpPr txBox="1"/>
          <p:nvPr>
            <p:custDataLst>
              <p:tags r:id="rId124"/>
            </p:custDataLst>
          </p:nvPr>
        </p:nvSpPr>
        <p:spPr>
          <a:xfrm>
            <a:off x="0" y="4485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58" name="OTLSHAPE_T_dc59864a8fe6461f93f8543967c3a710_Duration" hidden="1"/>
          <p:cNvSpPr txBox="1"/>
          <p:nvPr>
            <p:custDataLst>
              <p:tags r:id="rId125"/>
            </p:custDataLst>
          </p:nvPr>
        </p:nvSpPr>
        <p:spPr>
          <a:xfrm>
            <a:off x="0" y="4660724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759" name="OTLSHAPE_T_dc59864a8fe6461f93f8543967c3a710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48921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60" name="OTLSHAPE_T_dc59864a8fe6461f93f8543967c3a710_StartDate" hidden="1"/>
          <p:cNvSpPr txBox="1"/>
          <p:nvPr>
            <p:custDataLst>
              <p:tags r:id="rId127"/>
            </p:custDataLst>
          </p:nvPr>
        </p:nvSpPr>
        <p:spPr>
          <a:xfrm>
            <a:off x="0" y="48921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61" name="OTLSHAPE_T_dc59864a8fe6461f93f8543967c3a710_EndDate" hidden="1"/>
          <p:cNvSpPr txBox="1"/>
          <p:nvPr>
            <p:custDataLst>
              <p:tags r:id="rId128"/>
            </p:custDataLst>
          </p:nvPr>
        </p:nvSpPr>
        <p:spPr>
          <a:xfrm>
            <a:off x="0" y="48921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31" name="OTLSHAPE_M_ce49b461dada4b4ba8016f97c5d69120_Shape"/>
          <p:cNvSpPr/>
          <p:nvPr>
            <p:custDataLst>
              <p:tags r:id="rId129"/>
            </p:custDataLst>
          </p:nvPr>
        </p:nvSpPr>
        <p:spPr>
          <a:xfrm>
            <a:off x="7651665" y="543380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29" name="OTLSHAPE_M_ce49b461dada4b4ba8016f97c5d69120_Title"/>
          <p:cNvSpPr txBox="1"/>
          <p:nvPr>
            <p:custDataLst>
              <p:tags r:id="rId130"/>
            </p:custDataLst>
          </p:nvPr>
        </p:nvSpPr>
        <p:spPr>
          <a:xfrm>
            <a:off x="7349183" y="6220672"/>
            <a:ext cx="83356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Deliverable 1</a:t>
            </a:r>
          </a:p>
        </p:txBody>
      </p:sp>
      <p:sp>
        <p:nvSpPr>
          <p:cNvPr id="10630" name="OTLSHAPE_M_ce49b461dada4b4ba8016f97c5d69120_Date"/>
          <p:cNvSpPr txBox="1"/>
          <p:nvPr>
            <p:custDataLst>
              <p:tags r:id="rId131"/>
            </p:custDataLst>
          </p:nvPr>
        </p:nvSpPr>
        <p:spPr>
          <a:xfrm>
            <a:off x="7467132" y="6068553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latin typeface="Calibri" panose="020F0502020204030204" pitchFamily="34" charset="0"/>
              </a:rPr>
              <a:t>Sun Mar 26</a:t>
            </a:r>
          </a:p>
        </p:txBody>
      </p:sp>
      <p:sp>
        <p:nvSpPr>
          <p:cNvPr id="2" name="OTLSHAPE_TB_00000000000000000000000000000000_ScaleMarking1">
            <a:extLst>
              <a:ext uri="{FF2B5EF4-FFF2-40B4-BE49-F238E27FC236}">
                <a16:creationId xmlns:a16="http://schemas.microsoft.com/office/drawing/2014/main" id="{5E66D59F-2B63-CEE4-A7B4-8D6C75DEC2E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2828474" y="4979239"/>
            <a:ext cx="314189" cy="137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FEB 2023</a:t>
            </a:r>
          </a:p>
        </p:txBody>
      </p:sp>
      <p:sp>
        <p:nvSpPr>
          <p:cNvPr id="7" name="OTLSHAPE_TB_00000000000000000000000000000000_ScaleMarking1">
            <a:extLst>
              <a:ext uri="{FF2B5EF4-FFF2-40B4-BE49-F238E27FC236}">
                <a16:creationId xmlns:a16="http://schemas.microsoft.com/office/drawing/2014/main" id="{18F69653-12F4-BF40-7EFD-CD796BB1A2D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5532936" y="5004919"/>
            <a:ext cx="314189" cy="137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MAR 2023</a:t>
            </a:r>
          </a:p>
        </p:txBody>
      </p:sp>
      <p:sp>
        <p:nvSpPr>
          <p:cNvPr id="8" name="OTLSHAPE_TB_00000000000000000000000000000000_ScaleMarking1">
            <a:extLst>
              <a:ext uri="{FF2B5EF4-FFF2-40B4-BE49-F238E27FC236}">
                <a16:creationId xmlns:a16="http://schemas.microsoft.com/office/drawing/2014/main" id="{04F08FC4-4CA2-68A7-D565-0C337945A3E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529141" y="5006431"/>
            <a:ext cx="314189" cy="1370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APR 202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A5B5C9F-87C8-1B76-A82D-41F8B744E72D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157382" y="520799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3" name="OTLSHAPE_TB_00000000000000000000000000000000_TimescaleInterval5">
            <a:extLst>
              <a:ext uri="{FF2B5EF4-FFF2-40B4-BE49-F238E27FC236}">
                <a16:creationId xmlns:a16="http://schemas.microsoft.com/office/drawing/2014/main" id="{FBD60B36-6C75-ED5B-275B-34006A4DAE0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912598" y="5192678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4" name="OTLSHAPE_TB_00000000000000000000000000000000_TimescaleInterval5">
            <a:extLst>
              <a:ext uri="{FF2B5EF4-FFF2-40B4-BE49-F238E27FC236}">
                <a16:creationId xmlns:a16="http://schemas.microsoft.com/office/drawing/2014/main" id="{A4270230-8414-DC4F-266D-40739D45B27F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717846" y="519291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A99A891F-2DB1-6C76-1589-F2A29DA2128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533084" y="520433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5B1ED1F-1FFE-2043-9A0F-EA5B7EC019B6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9268179" y="51952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7" name="OTLSHAPE_TB_00000000000000000000000000000000_TimescaleInterval5">
            <a:extLst>
              <a:ext uri="{FF2B5EF4-FFF2-40B4-BE49-F238E27FC236}">
                <a16:creationId xmlns:a16="http://schemas.microsoft.com/office/drawing/2014/main" id="{AC6B8E6D-3D8A-6828-4F66-5F7FF7A4B23D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0039743" y="519291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8" name="OTLSHAPE_TB_00000000000000000000000000000000_TimescaleInterval5">
            <a:extLst>
              <a:ext uri="{FF2B5EF4-FFF2-40B4-BE49-F238E27FC236}">
                <a16:creationId xmlns:a16="http://schemas.microsoft.com/office/drawing/2014/main" id="{4572B754-CAD5-9529-59AD-D950A1EB1A48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738369" y="5182278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22" name="OTLSHAPE_M_ce49b461dada4b4ba8016f97c5d69120_Shape">
            <a:extLst>
              <a:ext uri="{FF2B5EF4-FFF2-40B4-BE49-F238E27FC236}">
                <a16:creationId xmlns:a16="http://schemas.microsoft.com/office/drawing/2014/main" id="{97A3E99A-B07E-9490-FC19-45849A445603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10697007" y="537969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ce49b461dada4b4ba8016f97c5d69120_Date">
            <a:extLst>
              <a:ext uri="{FF2B5EF4-FFF2-40B4-BE49-F238E27FC236}">
                <a16:creationId xmlns:a16="http://schemas.microsoft.com/office/drawing/2014/main" id="{A60CFB05-F677-3E38-817D-DE496D6E63E8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0506507" y="6068613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latin typeface="Calibri" panose="020F0502020204030204" pitchFamily="34" charset="0"/>
              </a:rPr>
              <a:t>Sun Apr 30</a:t>
            </a:r>
          </a:p>
        </p:txBody>
      </p:sp>
      <p:sp>
        <p:nvSpPr>
          <p:cNvPr id="24" name="OTLSHAPE_M_ce49b461dada4b4ba8016f97c5d69120_Title">
            <a:extLst>
              <a:ext uri="{FF2B5EF4-FFF2-40B4-BE49-F238E27FC236}">
                <a16:creationId xmlns:a16="http://schemas.microsoft.com/office/drawing/2014/main" id="{6FB0DA81-88FD-4F2E-A261-2050E69C130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0409571" y="6197771"/>
            <a:ext cx="83356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Deliverable 2</a:t>
            </a:r>
          </a:p>
        </p:txBody>
      </p:sp>
      <p:cxnSp>
        <p:nvCxnSpPr>
          <p:cNvPr id="25" name="OTLSHAPE_M_ce49b461dada4b4ba8016f97c5d69120_Connector1">
            <a:extLst>
              <a:ext uri="{FF2B5EF4-FFF2-40B4-BE49-F238E27FC236}">
                <a16:creationId xmlns:a16="http://schemas.microsoft.com/office/drawing/2014/main" id="{052081AE-8528-F57E-6683-575310D73AFF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10826352" y="5433807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_2fdad40dfd14467b93d0a759296f251a_Shape">
            <a:extLst>
              <a:ext uri="{FF2B5EF4-FFF2-40B4-BE49-F238E27FC236}">
                <a16:creationId xmlns:a16="http://schemas.microsoft.com/office/drawing/2014/main" id="{EBAD7D03-EF65-D937-F702-D002EEFC6349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4356478" y="2481783"/>
            <a:ext cx="1176458" cy="281152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00" dirty="0">
                <a:solidFill>
                  <a:schemeClr val="bg1"/>
                </a:solidFill>
              </a:rPr>
              <a:t>Reduction &amp; Consolidation</a:t>
            </a:r>
          </a:p>
        </p:txBody>
      </p:sp>
      <p:sp>
        <p:nvSpPr>
          <p:cNvPr id="34" name="OTLSHAPE_T_61bd4421f159413dba7281a5185e38b8_Title">
            <a:extLst>
              <a:ext uri="{FF2B5EF4-FFF2-40B4-BE49-F238E27FC236}">
                <a16:creationId xmlns:a16="http://schemas.microsoft.com/office/drawing/2014/main" id="{BBD6F2F7-1284-BDD7-8721-9C96BCA0545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6815462" y="3286572"/>
            <a:ext cx="5969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 dirty="0">
                <a:solidFill>
                  <a:schemeClr val="lt1"/>
                </a:solidFill>
                <a:latin typeface="Calibri" panose="020F0502020204030204" pitchFamily="34" charset="0"/>
              </a:rPr>
              <a:t>Analysis and Discussions</a:t>
            </a:r>
          </a:p>
        </p:txBody>
      </p:sp>
      <p:sp>
        <p:nvSpPr>
          <p:cNvPr id="35" name="OTLSHAPE_T_834636e32cff480d8a852ae191fc6842_Title">
            <a:extLst>
              <a:ext uri="{FF2B5EF4-FFF2-40B4-BE49-F238E27FC236}">
                <a16:creationId xmlns:a16="http://schemas.microsoft.com/office/drawing/2014/main" id="{8A9C8436-607F-B574-F6F2-AA12CA57ACD3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8342523" y="3284483"/>
            <a:ext cx="135074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Apr 1 – Apr 30</a:t>
            </a:r>
          </a:p>
        </p:txBody>
      </p:sp>
      <p:sp>
        <p:nvSpPr>
          <p:cNvPr id="38" name="OTLSHAPE_T_f4fcd5cd4d1e4f139515633c6945b409_Title">
            <a:extLst>
              <a:ext uri="{FF2B5EF4-FFF2-40B4-BE49-F238E27FC236}">
                <a16:creationId xmlns:a16="http://schemas.microsoft.com/office/drawing/2014/main" id="{318DCCF6-DECD-3810-295E-776B594CD7C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2636721" y="2985984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Rishita</a:t>
            </a:r>
          </a:p>
        </p:txBody>
      </p:sp>
      <p:sp>
        <p:nvSpPr>
          <p:cNvPr id="39" name="OTLSHAPE_T_f4fcd5cd4d1e4f139515633c6945b409_Title">
            <a:extLst>
              <a:ext uri="{FF2B5EF4-FFF2-40B4-BE49-F238E27FC236}">
                <a16:creationId xmlns:a16="http://schemas.microsoft.com/office/drawing/2014/main" id="{8B83651F-D0EC-89DB-C171-9EB18BBDE5DC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2636999" y="3152638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Tharun</a:t>
            </a:r>
          </a:p>
        </p:txBody>
      </p:sp>
      <p:sp>
        <p:nvSpPr>
          <p:cNvPr id="40" name="OTLSHAPE_T_f4fcd5cd4d1e4f139515633c6945b409_Title">
            <a:extLst>
              <a:ext uri="{FF2B5EF4-FFF2-40B4-BE49-F238E27FC236}">
                <a16:creationId xmlns:a16="http://schemas.microsoft.com/office/drawing/2014/main" id="{75EB4601-3538-CB8C-E1F7-BF544BF55B2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588965" y="314081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Yash</a:t>
            </a:r>
          </a:p>
        </p:txBody>
      </p:sp>
      <p:sp>
        <p:nvSpPr>
          <p:cNvPr id="41" name="OTLSHAPE_T_f4fcd5cd4d1e4f139515633c6945b409_Title">
            <a:extLst>
              <a:ext uri="{FF2B5EF4-FFF2-40B4-BE49-F238E27FC236}">
                <a16:creationId xmlns:a16="http://schemas.microsoft.com/office/drawing/2014/main" id="{393E7377-173B-F26E-3CAD-E702CEA3442A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601010" y="299909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Ashutosh</a:t>
            </a:r>
          </a:p>
        </p:txBody>
      </p:sp>
      <p:sp>
        <p:nvSpPr>
          <p:cNvPr id="42" name="OTLSHAPE_T_f4fcd5cd4d1e4f139515633c6945b409_Title">
            <a:extLst>
              <a:ext uri="{FF2B5EF4-FFF2-40B4-BE49-F238E27FC236}">
                <a16:creationId xmlns:a16="http://schemas.microsoft.com/office/drawing/2014/main" id="{0C2D1405-47EF-CA85-CC5A-333327D2F6C5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6620293" y="3750266"/>
            <a:ext cx="89395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Whole Team</a:t>
            </a:r>
          </a:p>
        </p:txBody>
      </p:sp>
      <p:sp>
        <p:nvSpPr>
          <p:cNvPr id="43" name="OTLSHAPE_T_f4fcd5cd4d1e4f139515633c6945b409_Title">
            <a:extLst>
              <a:ext uri="{FF2B5EF4-FFF2-40B4-BE49-F238E27FC236}">
                <a16:creationId xmlns:a16="http://schemas.microsoft.com/office/drawing/2014/main" id="{F9A82599-A2BB-D4BC-4FE2-0315BDB84F2B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5720789" y="3739949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Satish</a:t>
            </a:r>
          </a:p>
        </p:txBody>
      </p:sp>
      <p:sp>
        <p:nvSpPr>
          <p:cNvPr id="44" name="OTLSHAPE_T_f4fcd5cd4d1e4f139515633c6945b409_Title">
            <a:extLst>
              <a:ext uri="{FF2B5EF4-FFF2-40B4-BE49-F238E27FC236}">
                <a16:creationId xmlns:a16="http://schemas.microsoft.com/office/drawing/2014/main" id="{841DFD0D-9666-958C-E9B9-579818E376D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3601010" y="3168036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Tharun</a:t>
            </a:r>
          </a:p>
        </p:txBody>
      </p:sp>
      <p:sp>
        <p:nvSpPr>
          <p:cNvPr id="45" name="OTLSHAPE_T_f4fcd5cd4d1e4f139515633c6945b409_Title">
            <a:extLst>
              <a:ext uri="{FF2B5EF4-FFF2-40B4-BE49-F238E27FC236}">
                <a16:creationId xmlns:a16="http://schemas.microsoft.com/office/drawing/2014/main" id="{1FAEA91B-434B-8F84-A57C-7D483364664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4602764" y="297566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Rishita</a:t>
            </a:r>
          </a:p>
        </p:txBody>
      </p:sp>
      <p:sp>
        <p:nvSpPr>
          <p:cNvPr id="46" name="OTLSHAPE_T_f4fcd5cd4d1e4f139515633c6945b409_Title">
            <a:extLst>
              <a:ext uri="{FF2B5EF4-FFF2-40B4-BE49-F238E27FC236}">
                <a16:creationId xmlns:a16="http://schemas.microsoft.com/office/drawing/2014/main" id="{1E4B0E06-2E6C-AC00-85C8-5F6D9A8300F3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4595461" y="315151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Ashutosh</a:t>
            </a:r>
          </a:p>
        </p:txBody>
      </p:sp>
      <p:sp>
        <p:nvSpPr>
          <p:cNvPr id="47" name="OTLSHAPE_T_f4fcd5cd4d1e4f139515633c6945b409_Title">
            <a:extLst>
              <a:ext uri="{FF2B5EF4-FFF2-40B4-BE49-F238E27FC236}">
                <a16:creationId xmlns:a16="http://schemas.microsoft.com/office/drawing/2014/main" id="{EDB17421-5607-8950-5964-D36DDD2344A1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8838649" y="4488595"/>
            <a:ext cx="89395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To Be Do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64444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i4wMi4wMS4wMCIsIkVkaXRpb24iOiJQcm8iLCJMYXN0U2F2ZWRFZGl0aW9uIjozLCJJc1BsdXNFZGl0aW9uIjp0cnVlLCJJc1Byb0VkaXRpb24iOnRydWV9LCJFZmZlY3QiOjEsIlN0eWxlIjp7IiRpZCI6IjMiLCJUaW1lYmFuZFN0eWxlIjp7IiRpZCI6IjQiLCJTY2FsZU1hcmtpbmciOjEsIlNoYXBlIjox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OSIsIlRvcCI6MC4wLCJMZWZ0IjowLjAsIlJpZ2h0IjoyNi4wLCJCb3R0b20iOjAuMH0sIlBhZGRpbmciOnsiJGlkIjoiMjAiLCJUb3AiOjAuMCwiTGVmdCI6MC4wLCJSaWdodCI6MC4wLCJCb3R0b20iOjAuMH0sIkJhY2tncm91bmQiOnsiJGlkIjoiMjEiLCJDb2xvciI6eyIkaWQiOiIyMiIsIkEiOjg5LCJSIjowLCJHIjowLCJCIjowfX0sIklzVmlzaWJsZSI6ZmFsc2UsIldpZHRoIjowLjAsIkhlaWdodCI6MC4wLCJCb3JkZXJTdHlsZSI6bnVsbCwiUGFyZW50U3R5bGUiOm51bGx9LCJMZWZ0RW5kQ2Fwc1N0eWxlIjp7IiRpZCI6IjIzIiwiRm9udFNldHRpbmdzIjp7IiRpZCI6IjI0IiwiRm9udFNpemUiOjE4LCJGb250TmFtZSI6IkNhbGlicmk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cmVmIjoiMjIifX0sIklzVmlzaWJsZSI6ZmFsc2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MsIlNob3dTZWdtZW50U2VwYXJhdG9ycyI6ZmFsc2UsIlNlZ21lbnRTZXBhcmF0b3JPcGFjaXR5IjozMCwiSGFzQmVlblZpc2libGVCZWZvcmUiOnRydWU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zLCJIZWlnaHQiOjIwLjB9LCJNaWRkbGVUaWVyU2NhbGVTdHlsZSI6eyIkaWQiOiI1MCIsIlNoYXBlIjozLCJTaG93U2VnbWVudFNlcGFyYXRvcnMiOmZhbHNlLCJTZWdtZW50U2VwYXJhdG9yT3BhY2l0eSI6MzAsIkhhc0JlZW5WaXNpYmxlQmVmb3JlIjpmYWxzZSwiRm9udFNldHRpbmdzIjp7IiRpZCI6IjUx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ywiU2hvd1NlZ21lbnRTZXBhcmF0b3JzIjpmYWxzZSwiU2VnbWVudFNlcGFyYXRvck9wYWNpdHkiOjMwLCJIYXNCZWVuVmlzaWJsZUJlZm9yZSI6ZmFsc2UsIkZvbnRTZXR0aW5ncyI6eyIkaWQiOiI1My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I1NSwiRyI6MCwiQiI6MH19LCJBcHBlbmRZZWFyT25ZZWFyQ2hhbmdlIjpmYWxzZSwiRWxhcHNlZFRpbWVGb3JtYXQiOjEsIlRvZGF5TWFya2VyUG9zaXRpb24iOjAsIlF1aWNrUG9zaXRpb24iOjI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2OCwiRyI6ODQsIkIiOjEwNn19LCJJc1Zpc2libGUiOnRydWUsIldpZHRoIjowLjAsIkhlaWdodCI6MC4wLCJCb3JkZXJTdHlsZSI6bnVsbCwiUGFyZW50U3R5bGUiOm51bGx9LCJEZWZhdWx0TWlsZXN0b25lU3R5bGUiOnsiJGlkIjoiNjAiLCJTaGFwZSI6Mi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I1NSwiUiI6NzksIkciOjEyOSwiQiI6MTg5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hbGlicmk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EsIlNoYXBlVGhpY2tuZXNzIjoyLCJEdXJhdGlvbkZvcm1hdCI6MCwiSW5jbHVkZU5vbldvcmtpbmdEYXlzSW5EdXJhdGlvbiI6ZmFsc2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jI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xLCJGb250TmFtZSI6IkNhbGlicmkiLCJJc0JvbGQiOmZhbHNlLCJJc0l0YWxpYyI6ZmFsc2UsIklzVW5kZXJsaW5lZCI6ZmFsc2UsIlBhcmVudFN0eWxlIjpudWxsfSwiQXV0b1NpemUiOjAsIkZvcmVncm91bmQiOnsiJGlkIjoiMTIyIiwiQ29sb3IiOnsiJGlkIjoiMTIz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xMiwiRm9udE5hbWUiOiJDYWxpYnJpIiwiSXNCb2xkIjpmYWxzZSwiSXNJdGFsaWMiOmZhbHNlLCJJc1VuZGVybGluZWQiOmZhbHNlLCJQYXJlbnRTdHlsZSI6bnVsbH0sIkF1dG9TaXplIjowLCJGb3JlZ3JvdW5kIjp7IiRpZCI6IjEyOSIsIkNvbG9yIjp7IiRpZCI6IjEz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TAiLCJBY3Rpdml0eUhlYWRlcldpZHRoIjowLjAsIklzU2V0IjpmYWxzZX0sIkRlZmF1bHRTd2ltbGFuZVN0eWxlIjp7IiRpZCI6IjE1MSIsIkhlYWRlclN0eWxlIjp7IiRpZCI6IjE1MiIsIlRleHRTdHlsZSI6eyIkaWQiOiIxNTMiLCJGb250U2V0dGluZ3MiOnsiJGlkIjoiMTU0IiwiRm9udFNpemUiOjEyLCJGb250TmFtZSI6IkNhbGlicmkiLCJJc0JvbGQiOmZhbHNlLCJJc0l0YWxpYyI6ZmFsc2UsIklzVW5kZXJsaW5lZCI6ZmFsc2UsIlBhcmVudFN0eWxlIjpudWxsfSwiQXV0b1NpemUiOjAsIkZvcmVncm91bmQiOnsiJGlkIjoiMTU1IiwiQ29sb3IiOnsiJGlkIjoiMTU2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xLCJGb250TmFtZSI6IkNhbGlicmkiLCJJc0JvbGQiOnRydWUsIklzSXRhbGljIjpmYWxzZSwiSXNVbmRlcmxpbmVkIjpmYWxzZSwiUGFyZW50U3R5bGUiOnsiJHJlZiI6Ijc1In19LCJBdXRvU2l6ZSI6MCwiRm9yZWdyb3VuZCI6eyIkcmVmIjoiNzYifSwiTWF4V2lkdGgiOjU2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k4IiwiQ29sb3IiOnsiJGlkIjoiMTk5IiwiQSI6MCwiUiI6MjU1LCJHIjoyNTUsIkIiOjI1NX1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7IiRyZWYiOiI3NCJ9fSwiRGF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QiLCJDb2xvciI6eyIkaWQiOiIyNDUiLCJBIjowLCJSIjoyNTUsIkciOjI1NSwiQiI6MjU1fX0sIklzVmlzaWJsZSI6dHJ1ZSwiV2lkdGgiOjAuMCwiSGVpZ2h0IjowLjAsIkJvcmRlclN0eWxlIjp7IiRpZCI6IjI0NiIsIkxpbmVDb2xvciI6bnVsbCwiTGluZVdlaWdodCI6MC4wLCJMaW5lVHlwZSI6MCwiUGFyZW50U3R5bGUiOm51bGx9LCJQYXJlbnRTdHlsZSI6eyIkcmVmIjoiNzQifX0sIkRhdGVTdHlsZSI6eyIkaWQiOiIyNDciLCJGb250U2V0dGluZ3MiOnsiJGlkIjoiMjQ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nsiJHJlZiI6Ijc0In19LCJEYXRlU3R5bGUiOnsiJGlkIjoiMjcwIiwiRm9udFNldHRpbmdzIjp7IiRpZCI6IjI3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OTAiLCJDb2xvciI6eyIkaWQiOiIyOTEiLCJBIjowLCJSIjoyNTUsIkciOjI1NSwiQiI6MjU1fX0sIklzVmlzaWJsZSI6dHJ1ZSwiV2lkdGgiOjAuMCwiSGVpZ2h0IjowLjAsIkJvcmRlclN0eWxlIjp7IiRpZCI6IjI5MiIsIkxpbmVDb2xvciI6bnVsbCwiTGluZVdlaWdodCI6MC4wLCJMaW5lVHlwZSI6MCwiUGFyZW50U3R5bGUiOm51bGx9LCJQYXJlbnRTdHlsZSI6eyIkcmVmIjoiNzQifX0sIkRhdGVTdHlsZSI6eyIkaWQiOiIyOTMiLCJGb250U2V0dGluZ3MiOnsiJGlkIjoiMj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NyIsIkxpbmVDb2xvciI6bnVsbCwiTGluZVdlaWdodCI6MC4wLCJMaW5lVHlwZSI6MCwiUGFyZW50U3R5bGUiOm51bGx9LCJQYXJlbnRTdHlsZSI6eyIkcmVmIjoiOTIifX0sIkR1cmF0aW9uU3R5bGUiOnsiJGlkIjoiMzA4IiwiRm9udFNldHRpbmdzIjp7IiRpZCI6IjMwOSIsIkZvbnRTaXplIjoxMCwiRm9udE5hbWUiOiJDYWxpYnJpIiwiSXNCb2xkIjpmYWxzZSwiSXNJdGFsaWMiOmZhbHNlLCJJc1VuZGVybGluZWQiOmZhbHNlLCJQYXJlbnRTdHlsZSI6eyIkcmVmIjoiMTAwIn1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zMTUiLCJNYXJnaW4iOnsiJHJlZiI6IjExMyJ9LCJQYWRkaW5nIjp7IiRpZCI6IjMxNiIsIlRvcCI6My4wLCJMZWZ0IjowLjAsIlJpZ2h0IjowLjAsIkJvdHRvbSI6NC4wfSwiQmFja2dyb3VuZCI6eyIkaWQiOiIzMTciLCJDb2xvciI6eyIkaWQiOiIzMTgiLCJBIjoyNTUsIlIiOjE1MCwiRyI6MjE0LCJCIjo2Nn19LCJJc1Zpc2libGUiOnRydWUsIldpZHRoIjowLjAsIkhlaWdodCI6MjI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7IiRyZWYiOiIxMTIifX0sIlRpdGxlU3R5bGUiOnsiJGlkIjoiMzIyIiwiRm9udFNldHRpbmdzIjp7IiRpZCI6IjMyMyIsIkZvbnRTaXplIjoxMSwiRm9udE5hbWUiOiJDYWxpYnJpIiwiSXNCb2xkIjp0cnVlLCJJc0l0YWxpYyI6ZmFsc2UsIklzVW5kZXJsaW5lZCI6ZmFsc2UsIlBhcmVudFN0eWxlIjp7IiRyZWYiOiIxMjEifX0sIkF1dG9TaXplIjowLCJGb3JlZ3JvdW5kIjp7IiRpZCI6IjMyNCIsIkNvbG9yIjp7IiRpZCI6IjMyNSIsIkEiOjI1NSwiUiI6MCwiRyI6MCwiQiI6MH19LCJNYXhXaWR0aCI6NTAu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eyIkcmVmIjoiMTI3In1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Q1IiwiTGluZUNvbG9yIjpudWxsLCJMaW5lV2VpZ2h0IjowLjAsIkxpbmVUeXBlIjowLCJQYXJlbnRTdHlsZSI6bnVsbH0sIlBhcmVudFN0eWxlIjp7IiRyZWYiOiI5MiJ9fSwiRHVyYXRpb25TdHlsZSI6eyIkaWQiOiIzNDYiLCJGb250U2V0dGluZ3MiOnsiJGlkIjoiMzQ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0OCIsIkxpbmVDb2xvciI6bnVsbCwiTGluZVdlaWdodCI6MC4wLCJMaW5lVHlwZSI6MCwiUGFyZW50U3R5bGUiOm51bGx9LCJQYXJlbnRTdHlsZSI6eyIkcmVmIjoiOTkifX0sIkhvcml6b250YWxDb25uZWN0b3JTdHlsZSI6eyIkaWQiOiIzNDkiLCJMaW5lQ29sb3IiOnsiJHJlZiI6IjEwNyJ9LCJMaW5lV2VpZ2h0IjowLjAsIkxpbmVUeXBlIjowLCJQYXJlbnRTdHlsZSI6eyIkcmVmIjoiMTA2In19LCJWZXJ0aWNhbENvbm5lY3RvclN0eWxlIjp7IiRpZCI6IjM1M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c3IiwiTGluZUNvbG9yIjpudWxsLCJMaW5lV2VpZ2h0IjowLjAsIkxpbmVUeXBlIjowLCJQYXJlbnRTdHlsZSI6bnVsbH0sIlBhcmVudFN0eWxlIjp7IiRyZWYiOiI5MiJ9fSwiRHVyYXRpb25TdHlsZSI6eyIkaWQiOiIzNzgiLCJGb250U2V0dGluZ3MiOnsiJGlkIjoiMzc5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4MCIsIkxpbmVDb2xvciI6bnVsbCwiTGluZVdlaWdodCI6MC4wLCJMaW5lVHlwZSI6MCwiUGFyZW50U3R5bGUiOm51bGx9LCJQYXJlbnRTdHlsZSI6eyIkcmVmIjoiOTkifX0sIkhvcml6b250YWxDb25uZWN0b3JTdHlsZSI6eyIkaWQiOiIzODEiLCJMaW5lQ29sb3IiOnsiJHJlZiI6IjEwNyJ9LCJMaW5lV2VpZ2h0IjowLjAsIkxpbmVUeXBlIjowLCJQYXJlbnRTdHlsZSI6eyIkcmVmIjoiMTA2In19LCJWZXJ0aWNhbENvbm5lY3RvclN0eWxlIjp7IiRpZCI6IjM4Mi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5IiwiTGluZUNvbG9yIjpudWxsLCJMaW5lV2VpZ2h0IjowLjAsIkxpbmVUeXBlIjowLCJQYXJlbnRTdHlsZSI6bnVsbH0sIlBhcmVudFN0eWxlIjp7IiRyZWYiOiI5MiJ9fSwiRHVyYXRpb25TdHlsZSI6eyIkaWQiOiI0MTAiLCJGb250U2V0dGluZ3MiOnsiJGlkIjoiNDE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xMiIsIkxpbmVDb2xvciI6bnVsbCwiTGluZVdlaWdodCI6MC4wLCJMaW5lVHlwZSI6MCwiUGFyZW50U3R5bGUiOm51bGx9LCJQYXJlbnRTdHlsZSI6eyIkcmVmIjoiOTkifX0sIkhvcml6b250YWxDb25uZWN0b3JTdHlsZSI6eyIkaWQiOiI0MTMiLCJMaW5lQ29sb3IiOnsiJHJlZiI6IjEwNyJ9LCJMaW5lV2VpZ2h0IjowLjAsIkxpbmVUeXBlIjowLCJQYXJlbnRTdHlsZSI6eyIkcmVmIjoiMTA2In19LCJWZXJ0aWNhbENvbm5lY3RvclN0eWxlIjp7IiRpZCI6IjQxN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eyIkcmVmIjoiMTIwIn19LCJEYXRlU3R5bGUiOnsiJGlkIjoiNDI5IiwiRm9udFNldHRpbmdzIjp7IiRpZCI6IjQzMCIsIkZvbnRTaXplIjo4LCJGb250TmFtZSI6IkNhbGlicmkiLCJJc0JvbGQiOmZhbHNlLCJJc0l0YWxpYyI6ZmFsc2UsIklzVW5kZXJsaW5lZCI6ZmFsc2UsIlBhcmVudFN0eWxlIjp7IiRyZWYiOiIxMjgifX0sIkF1dG9TaXplIjowLCJGb3JlZ3JvdW5kIjp7IiRpZCI6IjQzMSIsIkNvbG9yIjp7IiRpZCI6IjQzM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0MSIsIkxpbmVDb2xvciI6bnVsbCwiTGluZVdlaWdodCI6MC4wLCJMaW5lVHlwZSI6MCwiUGFyZW50U3R5bGUiOm51bGx9LCJQYXJlbnRTdHlsZSI6eyIkcmVmIjoiOTIifX0sIkR1cmF0aW9uU3R5bGUiOnsiJGlkIjoiNDQyIiwiRm9udFNldHRpbmdzIjp7IiRpZCI6IjQ0MyIsIkZvbnRTaXplIjoxMCwiRm9udE5hbWUiOiJDYWxpYnJpIiwiSXNCb2xkIjpmYWxzZSwiSXNJdGFsaWMiOmZhbHNlLCJJc1VuZGVybGluZWQiOmZhbHNlLCJQYXJlbnRTdHlsZSI6eyIkcmVmIjoiMTAwIn1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aWQiOiI0NjciLCJDb2xvciI6eyIkaWQiOiI0NjgiLCJBIjowLCJSIjoyNTUsIkciOjI1NSwiQiI6MjU1fX0sIklzVmlzaWJsZSI6dHJ1ZSwiV2lkdGgiOjAuMCwiSGVpZ2h0IjowLjAsIkJvcmRlclN0eWxlIjp7IiRpZCI6IjQ2OSIsIkxpbmVDb2xvciI6bnVsbCwiTGluZVdlaWdodCI6MC4wLCJMaW5lVHlwZSI6MCwiUGFyZW50U3R5bGUiOm51bGx9LCJQYXJlbnRTdHlsZSI6eyIkcmVmIjoiMTI3In19LCJEYXRlRm9ybWF0Ijp7IiRpZCI6IjQ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c5IiwiTGluZUNvbG9yIjpudWxsLCJMaW5lV2VpZ2h0IjowLjAsIkxpbmVUeXBlIjowLCJQYXJlbnRTdHlsZSI6bnVsbH0sIlBhcmVudFN0eWxlIjp7IiRyZWYiOiI5MiJ9fSwiRHVyYXRpb25TdHlsZSI6eyIkaWQiOiI0ODAiLCJGb250U2V0dGluZ3MiOnsiJGlkIjoiNDg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TEiLCJMaW5lQ29sb3IiOm51bGwsIkxpbmVXZWlnaHQiOjAuMCwiTGluZVR5cGUiOjAsIlBhcmVudFN0eWxlIjpudWxsfSwiUGFyZW50U3R5bGUiOnsiJHJlZiI6IjkyIn19LCJEdXJhdGlvblN0eWxlIjp7IiRpZCI6IjUxMiIsIkZvbnRTZXR0aW5ncyI6eyIkaWQiOiI1MTM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AuMCwiTGluZVR5cGUiOjAsIlBhcmVudFN0eWxlIjp7IiRyZWYiOiIxMDYifX0sIlZlcnRpY2FsQ29ubmVjdG9yU3R5bGUiOnsiJGlkIjoiNTE2IiwiTGluZUNvbG9yIjp7IiRyZWYiOiIxMTAifSwiTGluZVdlaWdodCI6MC4wLCJMaW5lVHlwZSI6MCwiUGFyZW50U3R5bGUiOnsiJHJlZiI6IjEwOS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1MTciLCJNYXJnaW4iOnsiJHJlZiI6IjExMyJ9LCJQYWRkaW5nIjp7IiRpZCI6IjUxOCIsIlRvcCI6MC4wLCJMZWZ0IjowLjAsIlJpZ2h0IjoyLjAsIkJvdHRvbSI6MC4wfSwiQmFja2dyb3VuZCI6eyIkaWQiOiI1MTkiLCJDb2xvciI6eyIkaWQiOiI1MjAiLCJBIjoyNTUsIlIiOjY4LCJHIjo4NCwiQiI6MTA2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xLCJGb250TmFtZSI6IkNhbGlicmkiLCJJc0JvbGQiOmZhbHNlLCJJc0l0YWxpYyI6ZmFsc2UsIklzVW5kZXJsaW5lZCI6ZmFsc2UsIlBhcmVudFN0eWxlIjp7IiRyZWYiOiIxMjEifX0sIkF1dG9TaXplIjowLCJGb3JlZ3JvdW5kIjp7IiRpZCI6IjUyNiIsIkNvbG9yIjp7IiRpZCI6IjUyNy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QzIiwiTGluZUNvbG9yIjpudWxsLCJMaW5lV2VpZ2h0IjowLjAsIkxpbmVUeXBlIjowLCJQYXJlbnRTdHlsZSI6bnVsbH0sIlBhcmVudFN0eWxlIjp7IiRyZWYiOiI5MiJ9fSwiRHVyYXRpb25TdHlsZSI6eyIkaWQiOiI1NDQiLCJGb250U2V0dGluZ3MiOnsiJGlkIjoiNTQ1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iIsIkxpbmVDb2xvciI6bnVsbCwiTGluZVdlaWdodCI6MC4wLCJMaW5lVHlwZSI6MCwiUGFyZW50U3R5bGUiOm51bGx9LCJQYXJlbnRTdHlsZSI6eyIkcmVmIjoiOTkifX0sIkhvcml6b250YWxDb25uZWN0b3JTdHlsZSI6eyIkaWQiOiI1NDciLCJMaW5lQ29sb3IiOnsiJHJlZiI6IjEwNyJ9LCJMaW5lV2VpZ2h0IjowLjAsIkxpbmVUeXBlIjowLCJQYXJlbnRTdHlsZSI6eyIkcmVmIjoiMTA2In19LCJWZXJ0aWNhbENvbm5lY3RvclN0eWxlIjp7IiRpZCI6IjU0O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zUiLCJMaW5lQ29sb3IiOm51bGwsIkxpbmVXZWlnaHQiOjAuMCwiTGluZVR5cGUiOjAsIlBhcmVudFN0eWxlIjpudWxsfSwiUGFyZW50U3R5bGUiOnsiJHJlZiI6IjkyIn19LCJEdXJhdGlvblN0eWxlIjp7IiRpZCI6IjU3NiIsIkZvbnRTZXR0aW5ncyI6eyIkaWQiOiI1Nzc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eyIkcmVmIjoiMTIwIn19LCJEYXRlU3R5bGUiOnsiJGlkIjoiNTk1IiwiRm9udFNldHRpbmdzIjp7IiRpZCI6IjU5NiIsIkZvbnRTaXplIjo4LCJGb250TmFtZSI6IkNhbGlicmkiLCJJc0JvbGQiOmZhbHNlLCJJc0l0YWxpYyI6ZmFsc2UsIklzVW5kZXJsaW5lZCI6ZmFsc2UsIlBhcmVudFN0eWxlIjp7IiRyZWYiOiIxMjgifX0sIkF1dG9TaXplIjowLCJGb3JlZ3JvdW5kIjp7IiRpZCI6IjU5NyIsIkNvbG9yIjp7IiRpZCI6IjU5O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A3IiwiTGluZUNvbG9yIjpudWxsLCJMaW5lV2VpZ2h0IjowLjAsIkxpbmVUeXBlIjowLCJQYXJlbnRTdHlsZSI6bnVsbH0sIlBhcmVudFN0eWxlIjp7IiRyZWYiOiI5MiJ9fSwiRHVyYXRpb25TdHlsZSI6eyIkaWQiOiI2MDgiLCJGb250U2V0dGluZ3MiOnsiJGlkIjoiNjA5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pZCI6IjYzMyIsIkNvbG9yIjp7IiRpZCI6IjYzNCIsIkEiOjAsIlIiOjI1NSwiRyI6MjU1LCJCIjoyNTV9fSwiSXNWaXNpYmxlIjp0cnVlLCJXaWR0aCI6MC4wLCJIZWlnaHQiOjAuMCwiQm9yZGVyU3R5bGUiOnsiJGlkIjoiNjM1IiwiTGluZUNvbG9yIjpudWxsLCJMaW5lV2VpZ2h0IjowLjAsIkxpbmVUeXBlIjowLCJQYXJlbnRTdHlsZSI6bnVsbH0sIlBhcmVudFN0eWxlIjp7IiRyZWYiOiIxMjcifX0sIkRhdGVGb3JtYXQiOnsiJGlkIjoiNjM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Q1IiwiTGluZUNvbG9yIjpudWxsLCJMaW5lV2VpZ2h0IjowLjAsIkxpbmVUeXBlIjowLCJQYXJlbnRTdHlsZSI6bnVsbH0sIlBhcmVudFN0eWxlIjp7IiRyZWYiOiI5MiJ9fSwiRHVyYXRpb25TdHlsZSI6eyIkaWQiOiI2NDYiLCJGb250U2V0dGluZ3MiOnsiJGlkIjoiNjQ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Y0OCIsIkxpbmVDb2xvciI6bnVsbCwiTGluZVdlaWdodCI6MC4wLCJMaW5lVHlwZSI6MCwiUGFyZW50U3R5bGUiOm51bGx9LCJQYXJlbnRTdHlsZSI6eyIkcmVmIjoiOTkifX0sIkhvcml6b250YWxDb25uZWN0b3JTdHlsZSI6eyIkaWQiOiI2NDkiLCJMaW5lQ29sb3IiOnsiJHJlZiI6IjEwNyJ9LCJMaW5lV2VpZ2h0IjowLjAsIkxpbmVUeXBlIjowLCJQYXJlbnRTdHlsZSI6eyIkcmVmIjoiMTA2In19LCJWZXJ0aWNhbENvbm5lY3RvclN0eWxlIjp7IiRpZCI6IjY1M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jUxIiwiTWFyZ2luIjp7IiRyZWYiOiIxMTMifSwiUGFkZGluZyI6eyIkaWQiOiI2NTIiLCJUb3AiOjAuMCwiTGVmdCI6MC4wLCJSaWdodCI6Mi4wLCJCb3R0b20iOjAuMH0sIkJhY2tncm91bmQiOnsiJGlkIjoiNjUzIiwiQ29sb3IiOnsiJGlkIjoiNjU0IiwiQSI6MjU1LCJSIjo2OCwiRyI6MTE0LCJCIjoxOTZ9fSwiSXNWaXNpYmxlIjp0cnVlLCJXaWR0aCI6MC4wLCJIZWlnaHQiOjE2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eyIkcmVmIjoiMTEyIn19LCJUaXRsZVN0eWxlIjp7IiRpZCI6IjY1OCIsIkZvbnRTZXR0aW5ncyI6eyIkaWQiOiI2NTkiLCJGb250U2l6ZSI6MTEsIkZvbnROYW1lIjoiQ2FsaWJyaSIsIklzQm9sZCI6ZmFsc2UsIklzSXRhbGljIjpmYWxzZSwiSXNVbmRlcmxpbmVkIjpmYWxzZSwiUGFyZW50U3R5bGUiOnsiJHJlZiI6IjEyMSJ9fSwiQXV0b1NpemUiOjAsIkZvcmVncm91bmQiOnsiJGlkIjoiNjYwIiwiQ29sb3IiOnsiJGlkIjoiNjYxIiwiQSI6MjU1LCJSIjoyNTUsIkciOjI1NSwiQiI6MjU1fX0sIk1heFdpZHRoIjo0OC42MjUwMzgxNDY5NzI2NTY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2NzciLCJMaW5lQ29sb3IiOm51bGwsIkxpbmVXZWlnaHQiOjAuMCwiTGluZVR5cGUiOjAsIlBhcmVudFN0eWxlIjpudWxsfSwiUGFyZW50U3R5bGUiOnsiJHJlZiI6IjkyIn19LCJEdXJhdGlvblN0eWxlIjp7IiRpZCI6IjY3OCIsIkZvbnRTZXR0aW5ncyI6eyIkaWQiOiI2Nzk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jgwIiwiTGluZUNvbG9yIjpudWxsLCJMaW5lV2VpZ2h0IjowLjAsIkxpbmVUeXBlIjowLCJQYXJlbnRTdHlsZSI6bnVsbH0sIlBhcmVudFN0eWxlIjp7IiRyZWYiOiI5OSJ9fSwiSG9yaXpvbnRhbENvbm5lY3RvclN0eWxlIjp7IiRpZCI6IjY4MSIsIkxpbmVDb2xvciI6eyIkcmVmIjoiMTA3In0sIkxpbmVXZWlnaHQiOjAuMCwiTGluZVR5cGUiOjAsIlBhcmVudFN0eWxlIjp7IiRyZWYiOiIxMDYifX0sIlZlcnRpY2FsQ29ubmVjdG9yU3R5bGUiOnsiJGlkIjoiNjgyIiwiTGluZUNvbG9yIjp7IiRyZWYiOiIxMTAifSwiTGluZVdlaWdodCI6MC4wLCJMaW5lVHlwZSI6MCwiUGFyZW50U3R5bGUiOnsiJHJlZiI6IjEwOS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eyIkcmVmIjoiMTIwIn19LCJEYXRlU3R5bGUiOnsiJGlkIjoiNjk3IiwiRm9udFNldHRpbmdzIjp7IiRpZCI6IjY5OCIsIkZvbnRTaXplIjo4LCJGb250TmFtZSI6IkNhbGlicmkiLCJJc0JvbGQiOmZhbHNlLCJJc0l0YWxpYyI6ZmFsc2UsIklzVW5kZXJsaW5lZCI6ZmFsc2UsIlBhcmVudFN0eWxlIjp7IiRyZWYiOiIxMjgifX0sIkF1dG9TaXplIjowLCJGb3JlZ3JvdW5kIjp7IiRpZCI6IjY5OSIsIkNvbG9yIjp7IiRpZCI6IjcwM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A5IiwiTGluZUNvbG9yIjpudWxsLCJMaW5lV2VpZ2h0IjowLjAsIkxpbmVUeXBlIjowLCJQYXJlbnRTdHlsZSI6bnVsbH0sIlBhcmVudFN0eWxlIjp7IiRyZWYiOiI5MiJ9fSwiRHVyYXRpb25TdHlsZSI6eyIkaWQiOiI3MTAiLCJGb250U2V0dGluZ3MiOnsiJGlkIjoiNzE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xMiIsIkxpbmVDb2xvciI6bnVsbCwiTGluZVdlaWdodCI6MC4wLCJMaW5lVHlwZSI6MCwiUGFyZW50U3R5bGUiOm51bGx9LCJQYXJlbnRTdHlsZSI6eyIkcmVmIjoiOTkifX0sIkhvcml6b250YWxDb25uZWN0b3JTdHlsZSI6eyIkaWQiOiI3MTMiLCJMaW5lQ29sb3IiOnsiJHJlZiI6IjEwNyJ9LCJMaW5lV2VpZ2h0IjowLjAsIkxpbmVUeXBlIjowLCJQYXJlbnRTdHlsZSI6eyIkcmVmIjoiMTA2In19LCJWZXJ0aWNhbENvbm5lY3RvclN0eWxlIjp7IiRpZCI6IjcxNCIsIkxpbmVDb2xvciI6eyIkcmVmIjoiMTEwIn0sIkxpbmVXZWlnaHQiOjAuMCwiTGluZVR5cGUiOjAsIlBhcmVudFN0eWxlIjp7IiRyZWYiOiIxMDk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zE1IiwiTWFyZ2luIjp7IiRyZWYiOiIxMTMifSwiUGFkZGluZyI6eyIkaWQiOiI3MTYiLCJUb3AiOjAuMCwiTGVmdCI6MC4wLCJSaWdodCI6Mi4wLCJCb3R0b20iOjAuMH0sIkJhY2tncm91bmQiOnsiJGlkIjoiNzE3IiwiQ29sb3IiOnsiJGlkIjoiNzE4IiwiQSI6MjU1LCJSIjo2OCwiRyI6ODQsIkIiOjEwNn19LCJJc1Zpc2libGUiOnRydWUsIldpZHRoIjowLjAsIkhlaWdodCI6MTY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7IiRyZWYiOiIxMTIifX0sIlRpdGxlU3R5bGUiOnsiJGlkIjoiNzIyIiwiRm9udFNldHRpbmdzIjp7IiRpZCI6IjcyMyIsIkZvbnRTaXplIjoxMSwiRm9udE5hbWUiOiJDYWxpYnJpIiwiSXNCb2xkIjpmYWxzZSwiSXNJdGFsaWMiOmZhbHNlLCJJc1VuZGVybGluZWQiOmZhbHNlLCJQYXJlbnRTdHlsZSI6eyIkcmVmIjoiMTIxIn19LCJBdXRvU2l6ZSI6MiwiRm9yZWdyb3VuZCI6eyIkaWQiOiI3MjQiLCJDb2xvciI6eyIkaWQiOiI3MjUiLCJBIjoyNTUsIlIiOjExNSwiRyI6MTE1LCJCIjoxMTV9fSwiTWF4V2lkdGgiOjY5LjgxMTM0MDMzMjAzMTI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QxIiwiTGluZUNvbG9yIjpudWxsLCJMaW5lV2VpZ2h0IjowLjAsIkxpbmVUeXBlIjowLCJQYXJlbnRTdHlsZSI6bnVsbH0sIlBhcmVudFN0eWxlIjp7IiRyZWYiOiI5MiJ9fSwiRHVyYXRpb25TdHlsZSI6eyIkaWQiOiI3NDIiLCJGb250U2V0dGluZ3MiOnsiJGlkIjoiNzQz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0NCIsIkxpbmVDb2xvciI6bnVsbCwiTGluZVdlaWdodCI6MC4wLCJMaW5lVHlwZSI6MCwiUGFyZW50U3R5bGUiOm51bGx9LCJQYXJlbnRTdHlsZSI6eyIkcmVmIjoiOTkifX0sIkhvcml6b250YWxDb25uZWN0b3JTdHlsZSI6eyIkaWQiOiI3NDUiLCJMaW5lQ29sb3IiOnsiJHJlZiI6IjEwNyJ9LCJMaW5lV2VpZ2h0IjowLjAsIkxpbmVUeXBlIjowLCJQYXJlbnRTdHlsZSI6eyIkcmVmIjoiMTA2In19LCJWZXJ0aWNhbENvbm5lY3RvclN0eWxlIjp7IiRpZCI6Ijc0Ni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c1IiwiTGluZUNvbG9yIjpudWxsLCJMaW5lV2VpZ2h0IjowLjAsIkxpbmVUeXBlIjowLCJQYXJlbnRTdHlsZSI6bnVsbH0sIlBhcmVudFN0eWxlIjp7IiRyZWYiOiI5MiJ9fSwiRHVyYXRpb25TdHlsZSI6eyIkaWQiOiI3NzYiLCJGb250U2V0dGluZ3MiOnsiJGlkIjoiNzc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3OCIsIkxpbmVDb2xvciI6bnVsbCwiTGluZVdlaWdodCI6MC4wLCJMaW5lVHlwZSI6MCwiUGFyZW50U3R5bGUiOm51bGx9LCJQYXJlbnRTdHlsZSI6eyIkcmVmIjoiOTkifX0sIkhvcml6b250YWxDb25uZWN0b3JTdHlsZSI6eyIkaWQiOiI3NzkiLCJMaW5lQ29sb3IiOnsiJHJlZiI6IjEwNyJ9LCJMaW5lV2VpZ2h0IjowLjAsIkxpbmVUeXBlIjowLCJQYXJlbnRTdHlsZSI6eyIkcmVmIjoiMTA2In19LCJWZXJ0aWNhbENvbm5lY3RvclN0eWxlIjp7IiRpZCI6Ijc4MC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ODA3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Bottom"/>
  <p:tag name="OTLTIMEBANDTHREEDEFFECTS" val="Gel"/>
  <p:tag name="OTLTIMEBANDAUTODATERANGE" val="True"/>
  <p:tag name="OTLTIMEBANDSTARTDATE" val="2017-05-18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6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RoundedCornerRectangleTimeband"/>
  <p:tag name="OTLTIMEBANDSHAPEHEIGHT" val="20"/>
  <p:tag name="OTLTIMEBANDSHAPEPADDINGLEFT" val="0"/>
  <p:tag name="OTLTIMEBANDENDDATE" val="2022-07-03T23:59:00.0000000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2-05-19T23:59:00.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2-05-19T23:59:00.0000000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10T00:00:00.0000000Z"/>
  <p:tag name="OTLENDDATE" val="2022-06-16T23:59:00.0000000Z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30T00:00:00.0000000Z"/>
  <p:tag name="OTLENDDATE" val="2022-07-03T23:59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4T00:00:00.0000000Z"/>
  <p:tag name="OTLENDDATE" val="2022-06-29T23:59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18T00:00:00.0000000Z"/>
  <p:tag name="OTLENDDATE" val="2022-06-23T23:5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6-18T00:00:00.0000000Z"/>
  <p:tag name="OTLENDDATE" val="2022-07-03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10T00:00:00.0000000Z"/>
  <p:tag name="OTLENDDATE" val="2022-06-16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05T00:00:00.0000000Z"/>
  <p:tag name="OTLENDDATE" val="2022-06-09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6-03T00:00:00.0000000Z"/>
  <p:tag name="OTLENDDATE" val="2022-06-17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5-29T00:00:00.0000000Z"/>
  <p:tag name="OTLENDDATE" val="2022-06-02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5-24T00:00:00.0000000Z"/>
  <p:tag name="OTLENDDATE" val="2022-05-28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5-19T00:00:00.0000000Z"/>
  <p:tag name="OTLENDDATE" val="2022-05-23T23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5-19T00:00:00.0000000Z"/>
  <p:tag name="OTLENDDATE" val="2022-06-02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5</Words>
  <Application>Microsoft Office PowerPoint</Application>
  <PresentationFormat>Widescreen</PresentationFormat>
  <Paragraphs>8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2_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6T20:04:06Z</dcterms:created>
  <dcterms:modified xsi:type="dcterms:W3CDTF">2023-03-26T03:08:21Z</dcterms:modified>
</cp:coreProperties>
</file>